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62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82" d="100"/>
          <a:sy n="82" d="100"/>
        </p:scale>
        <p:origin x="86" y="15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5" Type="http://schemas.openxmlformats.org/officeDocument/2006/relationships/slide" Target="slides/slide1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11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11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11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11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11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11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11/2020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11/2020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11/2020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11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2/11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12/11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N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OTLSHAPE_SL_52b9b4099485496eb572fb859922f03e_BackgroundRectangle">
            <a:extLst>
              <a:ext uri="{FF2B5EF4-FFF2-40B4-BE49-F238E27FC236}">
                <a16:creationId xmlns:a16="http://schemas.microsoft.com/office/drawing/2014/main" id="{9265A842-B61F-4DEF-85C8-5540379797E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93924" y="1745043"/>
            <a:ext cx="10076500" cy="1019149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OTLSHAPE_SL_b494066f3b51443792ad7e945bb2e0bb_BackgroundRectangle">
            <a:extLst>
              <a:ext uri="{FF2B5EF4-FFF2-40B4-BE49-F238E27FC236}">
                <a16:creationId xmlns:a16="http://schemas.microsoft.com/office/drawing/2014/main" id="{DF443A58-F6DB-451A-AE0A-5A3E1390A90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893924" y="2829915"/>
            <a:ext cx="10076500" cy="2041788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52036DB2-E4A2-431A-97CD-747A9A002A1A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317499" y="2897442"/>
            <a:ext cx="1143000" cy="68211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4400" b="1" spc="-9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ro-RO" sz="4400" b="1" spc="-9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E7AA0ACB-181C-49C4-91AB-9AB8F61BA20C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1089930" y="1112577"/>
            <a:ext cx="49782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2000" b="1" spc="-42" dirty="0">
                <a:solidFill>
                  <a:schemeClr val="accent2"/>
                </a:solidFill>
                <a:latin typeface="Calibri" panose="020F0502020204030204" pitchFamily="34" charset="0"/>
              </a:rPr>
              <a:t>202</a:t>
            </a:r>
            <a:r>
              <a:rPr lang="it-IT" sz="2000" b="1" spc="-42" dirty="0">
                <a:solidFill>
                  <a:schemeClr val="accent2"/>
                </a:solidFill>
                <a:latin typeface="Calibri" panose="020F0502020204030204" pitchFamily="34" charset="0"/>
              </a:rPr>
              <a:t>1</a:t>
            </a:r>
            <a:endParaRPr lang="ro-RO" sz="2000" b="1" spc="-42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33" name="OTLSHAPE_TB_00000000000000000000000000000000_ScaleContainer">
            <a:extLst>
              <a:ext uri="{FF2B5EF4-FFF2-40B4-BE49-F238E27FC236}">
                <a16:creationId xmlns:a16="http://schemas.microsoft.com/office/drawing/2014/main" id="{AD4D0D2C-05FD-4B65-B8BC-8477E190750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316323" y="1058736"/>
            <a:ext cx="8654098" cy="381000"/>
          </a:xfrm>
          <a:prstGeom prst="rect">
            <a:avLst/>
          </a:prstGeom>
          <a:gradFill flip="none" rotWithShape="1">
            <a:gsLst>
              <a:gs pos="0">
                <a:srgbClr val="5E5E5E"/>
              </a:gs>
              <a:gs pos="100000">
                <a:srgbClr val="5E5E5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OTLSHAPE_SL_52b9b4099485496eb572fb859922f03e_HeaderRectangle">
            <a:extLst>
              <a:ext uri="{FF2B5EF4-FFF2-40B4-BE49-F238E27FC236}">
                <a16:creationId xmlns:a16="http://schemas.microsoft.com/office/drawing/2014/main" id="{4772D10F-16AD-43A5-977D-D03021FD1D0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93923" y="1745043"/>
            <a:ext cx="1422400" cy="1016507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" name="OTLSHAPE_SL_b494066f3b51443792ad7e945bb2e0bb_HeaderRectangle">
            <a:extLst>
              <a:ext uri="{FF2B5EF4-FFF2-40B4-BE49-F238E27FC236}">
                <a16:creationId xmlns:a16="http://schemas.microsoft.com/office/drawing/2014/main" id="{F8767BD8-D016-40D1-B3E9-3CBC4744B8D2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93923" y="2816214"/>
            <a:ext cx="1406885" cy="2045647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23" name="OTLSHAPE_G_00000000000000000000000000000000_ShapeBelow0">
            <a:extLst>
              <a:ext uri="{FF2B5EF4-FFF2-40B4-BE49-F238E27FC236}">
                <a16:creationId xmlns:a16="http://schemas.microsoft.com/office/drawing/2014/main" id="{48F968F2-DEB6-4AA1-8A4E-3801DC43F075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500320" y="835089"/>
            <a:ext cx="0" cy="248738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G_00000000000000000000000000000000_ShapeBelow1">
            <a:extLst>
              <a:ext uri="{FF2B5EF4-FFF2-40B4-BE49-F238E27FC236}">
                <a16:creationId xmlns:a16="http://schemas.microsoft.com/office/drawing/2014/main" id="{9C4EEFEF-D90C-486B-9CF9-A0B65F060D5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4567477" y="835089"/>
            <a:ext cx="0" cy="248738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G_00000000000000000000000000000000_ShapeBelow2">
            <a:extLst>
              <a:ext uri="{FF2B5EF4-FFF2-40B4-BE49-F238E27FC236}">
                <a16:creationId xmlns:a16="http://schemas.microsoft.com/office/drawing/2014/main" id="{18E1C90F-92DE-4532-97A5-5FEFD7D10CC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634635" y="835089"/>
            <a:ext cx="0" cy="248738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G_00000000000000000000000000000000_ShapeBelow3">
            <a:extLst>
              <a:ext uri="{FF2B5EF4-FFF2-40B4-BE49-F238E27FC236}">
                <a16:creationId xmlns:a16="http://schemas.microsoft.com/office/drawing/2014/main" id="{3FAE4DFA-A394-400F-BEAA-8DB86F377833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701793" y="835089"/>
            <a:ext cx="0" cy="248738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G_00000000000000000000000000000000_ShapeBelow4">
            <a:extLst>
              <a:ext uri="{FF2B5EF4-FFF2-40B4-BE49-F238E27FC236}">
                <a16:creationId xmlns:a16="http://schemas.microsoft.com/office/drawing/2014/main" id="{C18FD9CD-AA10-4AB6-8654-0B0480C43CA9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768950" y="835089"/>
            <a:ext cx="0" cy="248738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G_00000000000000000000000000000000_ShapeBelow5">
            <a:extLst>
              <a:ext uri="{FF2B5EF4-FFF2-40B4-BE49-F238E27FC236}">
                <a16:creationId xmlns:a16="http://schemas.microsoft.com/office/drawing/2014/main" id="{B2E861D3-3633-49FB-B286-EC0ACDD370F1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836107" y="835089"/>
            <a:ext cx="0" cy="248738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G_00000000000000000000000000000000_ShapeBelow6">
            <a:extLst>
              <a:ext uri="{FF2B5EF4-FFF2-40B4-BE49-F238E27FC236}">
                <a16:creationId xmlns:a16="http://schemas.microsoft.com/office/drawing/2014/main" id="{D81D8F5A-67B0-44B1-85A2-C91F50361814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9903265" y="835089"/>
            <a:ext cx="0" cy="248738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7">
            <a:extLst>
              <a:ext uri="{FF2B5EF4-FFF2-40B4-BE49-F238E27FC236}">
                <a16:creationId xmlns:a16="http://schemas.microsoft.com/office/drawing/2014/main" id="{994A7211-12B0-4BAD-9545-39282FD35C2F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0970423" y="835089"/>
            <a:ext cx="0" cy="248738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SLT_252e96058a3546e0b06f0e93390d2b22_Shape">
            <a:extLst>
              <a:ext uri="{FF2B5EF4-FFF2-40B4-BE49-F238E27FC236}">
                <a16:creationId xmlns:a16="http://schemas.microsoft.com/office/drawing/2014/main" id="{E3EEC7C1-FE48-48E2-9A20-B1D1E29636C5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601602" y="1793218"/>
            <a:ext cx="730951" cy="204882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9" name="OTLSHAPE_SLT_d041283d8f3c4122b11f3269142dbb8d_Shape">
            <a:extLst>
              <a:ext uri="{FF2B5EF4-FFF2-40B4-BE49-F238E27FC236}">
                <a16:creationId xmlns:a16="http://schemas.microsoft.com/office/drawing/2014/main" id="{11D45A10-5BF2-4A85-809C-52DEDDC76FA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288592" y="2114906"/>
            <a:ext cx="834439" cy="204882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72" name="OTLSHAPE_SLT_bf5ec3bb92844330b37b9e6940186a3e_Shape">
            <a:extLst>
              <a:ext uri="{FF2B5EF4-FFF2-40B4-BE49-F238E27FC236}">
                <a16:creationId xmlns:a16="http://schemas.microsoft.com/office/drawing/2014/main" id="{9E18176B-AF85-445C-9711-367D6DBB93A8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4123030" y="2467473"/>
            <a:ext cx="822191" cy="204882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91" name="OTLSHAPE_SLT_966516fbb7fe42e78d38d95e46a17583_Shape">
            <a:extLst>
              <a:ext uri="{FF2B5EF4-FFF2-40B4-BE49-F238E27FC236}">
                <a16:creationId xmlns:a16="http://schemas.microsoft.com/office/drawing/2014/main" id="{2AFD1665-1E6F-494E-B0ED-DF44AF7CF744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959858" y="4237512"/>
            <a:ext cx="1184960" cy="205556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34" name="OTLSHAPE_TB_00000000000000000000000000000000_ElapsedTime">
            <a:extLst>
              <a:ext uri="{FF2B5EF4-FFF2-40B4-BE49-F238E27FC236}">
                <a16:creationId xmlns:a16="http://schemas.microsoft.com/office/drawing/2014/main" id="{523D70C7-0E37-4C10-82F2-12C84F6A7561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316325" y="1391561"/>
            <a:ext cx="8654094" cy="70937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OTLSHAPE_SLT_252e96058a3546e0b06f0e93390d2b22_ShapePercentage" hidden="1">
            <a:extLst>
              <a:ext uri="{FF2B5EF4-FFF2-40B4-BE49-F238E27FC236}">
                <a16:creationId xmlns:a16="http://schemas.microsoft.com/office/drawing/2014/main" id="{D8E88CA9-B7B8-42E6-B122-7D5598C0368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136319" y="437705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0" name="OTLSHAPE_SLT_d041283d8f3c4122b11f3269142dbb8d_ShapePercentage" hidden="1">
            <a:extLst>
              <a:ext uri="{FF2B5EF4-FFF2-40B4-BE49-F238E27FC236}">
                <a16:creationId xmlns:a16="http://schemas.microsoft.com/office/drawing/2014/main" id="{F3CDD63C-0447-40D0-A3A0-55624158D10F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508378" y="464375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73" name="OTLSHAPE_SLT_bf5ec3bb92844330b37b9e6940186a3e_ShapePercentage" hidden="1">
            <a:extLst>
              <a:ext uri="{FF2B5EF4-FFF2-40B4-BE49-F238E27FC236}">
                <a16:creationId xmlns:a16="http://schemas.microsoft.com/office/drawing/2014/main" id="{25293443-B3B7-4E6A-BD98-BE6DAA140FE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508378" y="491045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92" name="OTLSHAPE_SLT_966516fbb7fe42e78d38d95e46a17583_ShapePercentage" hidden="1">
            <a:extLst>
              <a:ext uri="{FF2B5EF4-FFF2-40B4-BE49-F238E27FC236}">
                <a16:creationId xmlns:a16="http://schemas.microsoft.com/office/drawing/2014/main" id="{708B24C4-CE7E-4F3C-9EC7-FC84A8C7107D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424063" y="56750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" name="OTLSHAPE_SL_52b9b4099485496eb572fb859922f03e_Header">
            <a:extLst>
              <a:ext uri="{FF2B5EF4-FFF2-40B4-BE49-F238E27FC236}">
                <a16:creationId xmlns:a16="http://schemas.microsoft.com/office/drawing/2014/main" id="{C6DCB466-E46B-42E3-A9F3-7FF3E0288E5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893923" y="2058417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161C23"/>
                </a:solidFill>
                <a:latin typeface="Calibri" panose="020F0502020204030204" pitchFamily="34" charset="0"/>
              </a:rPr>
              <a:t>Requisiti</a:t>
            </a:r>
          </a:p>
        </p:txBody>
      </p:sp>
      <p:sp>
        <p:nvSpPr>
          <p:cNvPr id="18" name="OTLSHAPE_SL_b494066f3b51443792ad7e945bb2e0bb_Header">
            <a:extLst>
              <a:ext uri="{FF2B5EF4-FFF2-40B4-BE49-F238E27FC236}">
                <a16:creationId xmlns:a16="http://schemas.microsoft.com/office/drawing/2014/main" id="{3BC9F738-67C6-48B6-9768-4394C3D7F40C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886322" y="3123937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Sviluppo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E6BDA673-9E9A-4220-9A86-92E80A581CB7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440763" y="1156209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14" dirty="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B8F8634B-51B1-459B-82AF-CBD562F67D5D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517251" y="1156209"/>
            <a:ext cx="311360" cy="194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it-IT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ro-RO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82A194A4-7F08-4890-8553-C2265C8832E9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575078" y="1156209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it-IT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ro-RO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F27188A7-98B3-4165-AA16-5D6D4E607717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5651566" y="1156209"/>
            <a:ext cx="618273" cy="23535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it-IT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ro-RO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AFD7CF9B-271A-40AC-B823-5E8551AEBD98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709392" y="1156209"/>
            <a:ext cx="530941" cy="22051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it-IT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ro-RO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42" name="OTLSHAPE_TB_00000000000000000000000000000000_TimescaleInterval6">
            <a:extLst>
              <a:ext uri="{FF2B5EF4-FFF2-40B4-BE49-F238E27FC236}">
                <a16:creationId xmlns:a16="http://schemas.microsoft.com/office/drawing/2014/main" id="{0EB33B6F-ACB8-4189-8425-EBC5A3511D2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7776551" y="1156209"/>
            <a:ext cx="409216" cy="22051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843" name="OTLSHAPE_TB_00000000000000000000000000000000_TimescaleInterval7">
            <a:extLst>
              <a:ext uri="{FF2B5EF4-FFF2-40B4-BE49-F238E27FC236}">
                <a16:creationId xmlns:a16="http://schemas.microsoft.com/office/drawing/2014/main" id="{0522873A-A23E-4F3B-842B-C88757603DEB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8843709" y="1156209"/>
            <a:ext cx="273680" cy="1946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844" name="OTLSHAPE_TB_00000000000000000000000000000000_TimescaleInterval8">
            <a:extLst>
              <a:ext uri="{FF2B5EF4-FFF2-40B4-BE49-F238E27FC236}">
                <a16:creationId xmlns:a16="http://schemas.microsoft.com/office/drawing/2014/main" id="{558A6867-E85B-4949-BF63-4BD4B5056F1D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9910866" y="1156209"/>
            <a:ext cx="343476" cy="22051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</a:p>
        </p:txBody>
      </p:sp>
      <p:sp>
        <p:nvSpPr>
          <p:cNvPr id="39" name="OTLSHAPE_SLT_252e96058a3546e0b06f0e93390d2b22_Duration" hidden="1">
            <a:extLst>
              <a:ext uri="{FF2B5EF4-FFF2-40B4-BE49-F238E27FC236}">
                <a16:creationId xmlns:a16="http://schemas.microsoft.com/office/drawing/2014/main" id="{C7ED9D59-34BF-4274-AA48-822515F40C56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</a:rPr>
              <a:t>19.6 days</a:t>
            </a:r>
            <a:endParaRPr lang="en-US" sz="1000" dirty="0">
              <a:solidFill>
                <a:srgbClr val="C0504D"/>
              </a:solidFill>
            </a:endParaRPr>
          </a:p>
        </p:txBody>
      </p:sp>
      <p:sp>
        <p:nvSpPr>
          <p:cNvPr id="42" name="OTLSHAPE_SLT_252e96058a3546e0b06f0e93390d2b22_TextPercentage" hidden="1">
            <a:extLst>
              <a:ext uri="{FF2B5EF4-FFF2-40B4-BE49-F238E27FC236}">
                <a16:creationId xmlns:a16="http://schemas.microsoft.com/office/drawing/2014/main" id="{4568AB94-9461-4154-BE60-0A1CFDB8CD6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EEECE1"/>
              </a:solidFill>
            </a:endParaRPr>
          </a:p>
        </p:txBody>
      </p:sp>
      <p:sp>
        <p:nvSpPr>
          <p:cNvPr id="43" name="OTLSHAPE_SLT_252e96058a3546e0b06f0e93390d2b22_StartDate" hidden="1">
            <a:extLst>
              <a:ext uri="{FF2B5EF4-FFF2-40B4-BE49-F238E27FC236}">
                <a16:creationId xmlns:a16="http://schemas.microsoft.com/office/drawing/2014/main" id="{5D082D6C-C35C-43EE-8F7B-6DD6DE5E654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chemeClr val="dk2"/>
              </a:solidFill>
            </a:endParaRPr>
          </a:p>
        </p:txBody>
      </p:sp>
      <p:sp>
        <p:nvSpPr>
          <p:cNvPr id="44" name="OTLSHAPE_SLT_252e96058a3546e0b06f0e93390d2b22_EndDate" hidden="1">
            <a:extLst>
              <a:ext uri="{FF2B5EF4-FFF2-40B4-BE49-F238E27FC236}">
                <a16:creationId xmlns:a16="http://schemas.microsoft.com/office/drawing/2014/main" id="{4B894C07-9454-4220-A1BA-3665F3DF796B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chemeClr val="dk2"/>
              </a:solidFill>
            </a:endParaRPr>
          </a:p>
        </p:txBody>
      </p:sp>
      <p:sp>
        <p:nvSpPr>
          <p:cNvPr id="51" name="OTLSHAPE_SLT_252e96058a3546e0b06f0e93390d2b22_JoinedDate">
            <a:extLst>
              <a:ext uri="{FF2B5EF4-FFF2-40B4-BE49-F238E27FC236}">
                <a16:creationId xmlns:a16="http://schemas.microsoft.com/office/drawing/2014/main" id="{99FE5300-44F1-4F52-9566-862A7F841047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3405440" y="1808365"/>
            <a:ext cx="77354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14 dic – 20 dic</a:t>
            </a:r>
          </a:p>
        </p:txBody>
      </p:sp>
      <p:sp>
        <p:nvSpPr>
          <p:cNvPr id="52" name="OTLSHAPE_SLT_252e96058a3546e0b06f0e93390d2b22_Title">
            <a:extLst>
              <a:ext uri="{FF2B5EF4-FFF2-40B4-BE49-F238E27FC236}">
                <a16:creationId xmlns:a16="http://schemas.microsoft.com/office/drawing/2014/main" id="{2CC41FCF-B7EE-4318-90E9-B2343A4C054D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581656" y="180915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quisiti</a:t>
            </a:r>
          </a:p>
        </p:txBody>
      </p:sp>
      <p:sp>
        <p:nvSpPr>
          <p:cNvPr id="1155" name="OTLSHAPE_SLT_d041283d8f3c4122b11f3269142dbb8d_Duration" hidden="1">
            <a:extLst>
              <a:ext uri="{FF2B5EF4-FFF2-40B4-BE49-F238E27FC236}">
                <a16:creationId xmlns:a16="http://schemas.microsoft.com/office/drawing/2014/main" id="{7EECAB5E-A0A8-4B18-B8B7-DDBC7020B144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</a:rPr>
              <a:t>9 days</a:t>
            </a:r>
            <a:endParaRPr lang="en-US" sz="1000" dirty="0">
              <a:solidFill>
                <a:srgbClr val="C0504D"/>
              </a:solidFill>
            </a:endParaRPr>
          </a:p>
        </p:txBody>
      </p:sp>
      <p:sp>
        <p:nvSpPr>
          <p:cNvPr id="1156" name="OTLSHAPE_SLT_d041283d8f3c4122b11f3269142dbb8d_TextPercentage" hidden="1">
            <a:extLst>
              <a:ext uri="{FF2B5EF4-FFF2-40B4-BE49-F238E27FC236}">
                <a16:creationId xmlns:a16="http://schemas.microsoft.com/office/drawing/2014/main" id="{835AC967-B880-4A8A-8F07-F1125757569E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EEECE1"/>
              </a:solidFill>
            </a:endParaRPr>
          </a:p>
        </p:txBody>
      </p:sp>
      <p:sp>
        <p:nvSpPr>
          <p:cNvPr id="1161" name="OTLSHAPE_SLT_d041283d8f3c4122b11f3269142dbb8d_StartDate" hidden="1">
            <a:extLst>
              <a:ext uri="{FF2B5EF4-FFF2-40B4-BE49-F238E27FC236}">
                <a16:creationId xmlns:a16="http://schemas.microsoft.com/office/drawing/2014/main" id="{2F5A4E15-D6FF-427C-835E-29CF35B309F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chemeClr val="dk2"/>
              </a:solidFill>
            </a:endParaRPr>
          </a:p>
        </p:txBody>
      </p:sp>
      <p:sp>
        <p:nvSpPr>
          <p:cNvPr id="1163" name="OTLSHAPE_SLT_d041283d8f3c4122b11f3269142dbb8d_EndDate" hidden="1">
            <a:extLst>
              <a:ext uri="{FF2B5EF4-FFF2-40B4-BE49-F238E27FC236}">
                <a16:creationId xmlns:a16="http://schemas.microsoft.com/office/drawing/2014/main" id="{4074E719-0F33-464C-9091-D00E4DC09AAF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chemeClr val="dk2"/>
              </a:solidFill>
            </a:endParaRPr>
          </a:p>
        </p:txBody>
      </p:sp>
      <p:sp>
        <p:nvSpPr>
          <p:cNvPr id="1164" name="OTLSHAPE_SLT_d041283d8f3c4122b11f3269142dbb8d_Title">
            <a:extLst>
              <a:ext uri="{FF2B5EF4-FFF2-40B4-BE49-F238E27FC236}">
                <a16:creationId xmlns:a16="http://schemas.microsoft.com/office/drawing/2014/main" id="{7ABA5EDA-5526-4218-A407-2DEA02879ABB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4050656" y="2115347"/>
            <a:ext cx="176589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dirty="0" err="1">
                <a:solidFill>
                  <a:schemeClr val="dk1"/>
                </a:solidFill>
                <a:latin typeface="Calibri" panose="020F0502020204030204" pitchFamily="34" charset="0"/>
              </a:rPr>
              <a:t>Progettazione</a:t>
            </a:r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100" b="1" spc="-10" dirty="0" err="1">
                <a:solidFill>
                  <a:schemeClr val="dk1"/>
                </a:solidFill>
                <a:latin typeface="Calibri" panose="020F0502020204030204" pitchFamily="34" charset="0"/>
              </a:rPr>
              <a:t>casi</a:t>
            </a:r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 di studio</a:t>
            </a:r>
          </a:p>
        </p:txBody>
      </p:sp>
      <p:sp>
        <p:nvSpPr>
          <p:cNvPr id="1171" name="OTLSHAPE_SLT_d041283d8f3c4122b11f3269142dbb8d_JoinedDate">
            <a:extLst>
              <a:ext uri="{FF2B5EF4-FFF2-40B4-BE49-F238E27FC236}">
                <a16:creationId xmlns:a16="http://schemas.microsoft.com/office/drawing/2014/main" id="{001A2DB5-13A9-4A49-B110-1B488980D842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480287" y="2131757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21 dic – 25 dic</a:t>
            </a:r>
          </a:p>
        </p:txBody>
      </p:sp>
      <p:sp>
        <p:nvSpPr>
          <p:cNvPr id="1174" name="OTLSHAPE_SLT_bf5ec3bb92844330b37b9e6940186a3e_Duration" hidden="1">
            <a:extLst>
              <a:ext uri="{FF2B5EF4-FFF2-40B4-BE49-F238E27FC236}">
                <a16:creationId xmlns:a16="http://schemas.microsoft.com/office/drawing/2014/main" id="{8201E4D2-D7B0-465F-999D-746D4E1B9EC9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C0504D"/>
                </a:solidFill>
              </a:rPr>
              <a:t>26 days</a:t>
            </a:r>
          </a:p>
        </p:txBody>
      </p:sp>
      <p:sp>
        <p:nvSpPr>
          <p:cNvPr id="1175" name="OTLSHAPE_SLT_bf5ec3bb92844330b37b9e6940186a3e_TextPercentage" hidden="1">
            <a:extLst>
              <a:ext uri="{FF2B5EF4-FFF2-40B4-BE49-F238E27FC236}">
                <a16:creationId xmlns:a16="http://schemas.microsoft.com/office/drawing/2014/main" id="{12C15788-0574-425B-9382-9FF929549BE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EEECE1"/>
              </a:solidFill>
            </a:endParaRPr>
          </a:p>
        </p:txBody>
      </p:sp>
      <p:sp>
        <p:nvSpPr>
          <p:cNvPr id="1176" name="OTLSHAPE_SLT_bf5ec3bb92844330b37b9e6940186a3e_StartDate" hidden="1">
            <a:extLst>
              <a:ext uri="{FF2B5EF4-FFF2-40B4-BE49-F238E27FC236}">
                <a16:creationId xmlns:a16="http://schemas.microsoft.com/office/drawing/2014/main" id="{4619C4F0-DF12-484B-9269-214EB95E738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chemeClr val="dk2"/>
              </a:solidFill>
            </a:endParaRPr>
          </a:p>
        </p:txBody>
      </p:sp>
      <p:sp>
        <p:nvSpPr>
          <p:cNvPr id="1177" name="OTLSHAPE_SLT_bf5ec3bb92844330b37b9e6940186a3e_EndDate" hidden="1">
            <a:extLst>
              <a:ext uri="{FF2B5EF4-FFF2-40B4-BE49-F238E27FC236}">
                <a16:creationId xmlns:a16="http://schemas.microsoft.com/office/drawing/2014/main" id="{3F2294FE-161C-4064-8448-5A1A2772BCB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chemeClr val="dk2"/>
              </a:solidFill>
            </a:endParaRPr>
          </a:p>
        </p:txBody>
      </p:sp>
      <p:sp>
        <p:nvSpPr>
          <p:cNvPr id="1178" name="OTLSHAPE_SLT_bf5ec3bb92844330b37b9e6940186a3e_Title">
            <a:extLst>
              <a:ext uri="{FF2B5EF4-FFF2-40B4-BE49-F238E27FC236}">
                <a16:creationId xmlns:a16="http://schemas.microsoft.com/office/drawing/2014/main" id="{83880FE4-24F0-452B-AD43-9547B59F8C74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372222" y="2478126"/>
            <a:ext cx="157489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Progettazione</a:t>
            </a:r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soluzione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79" name="OTLSHAPE_SLT_bf5ec3bb92844330b37b9e6940186a3e_JoinedDate">
            <a:extLst>
              <a:ext uri="{FF2B5EF4-FFF2-40B4-BE49-F238E27FC236}">
                <a16:creationId xmlns:a16="http://schemas.microsoft.com/office/drawing/2014/main" id="{6B914198-8CFF-4449-8F9F-F17544451C5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034066" y="249237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26 dic – 30 dic</a:t>
            </a:r>
          </a:p>
        </p:txBody>
      </p:sp>
      <p:sp>
        <p:nvSpPr>
          <p:cNvPr id="1182" name="OTLSHAPE_SLT_a5c61adb4e234cd6a6999ae92167f5da_StartDate" hidden="1">
            <a:extLst>
              <a:ext uri="{FF2B5EF4-FFF2-40B4-BE49-F238E27FC236}">
                <a16:creationId xmlns:a16="http://schemas.microsoft.com/office/drawing/2014/main" id="{0F74A079-1C52-4F8F-8970-C593C9D8467B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chemeClr val="dk2"/>
              </a:solidFill>
            </a:endParaRPr>
          </a:p>
        </p:txBody>
      </p:sp>
      <p:sp>
        <p:nvSpPr>
          <p:cNvPr id="1183" name="OTLSHAPE_SLT_a5c61adb4e234cd6a6999ae92167f5da_EndDate" hidden="1">
            <a:extLst>
              <a:ext uri="{FF2B5EF4-FFF2-40B4-BE49-F238E27FC236}">
                <a16:creationId xmlns:a16="http://schemas.microsoft.com/office/drawing/2014/main" id="{1FB27108-2FB7-4933-A2B1-999C868FE23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chemeClr val="dk2"/>
              </a:solidFill>
            </a:endParaRPr>
          </a:p>
        </p:txBody>
      </p:sp>
      <p:sp>
        <p:nvSpPr>
          <p:cNvPr id="1185" name="OTLSHAPE_SLT_a5c61adb4e234cd6a6999ae92167f5da_Duration">
            <a:extLst>
              <a:ext uri="{FF2B5EF4-FFF2-40B4-BE49-F238E27FC236}">
                <a16:creationId xmlns:a16="http://schemas.microsoft.com/office/drawing/2014/main" id="{08DD265E-D937-4EA9-BF04-5307EB87F2B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7363756" y="4061266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C0504D"/>
                </a:solidFill>
                <a:latin typeface="Calibri" panose="020F0502020204030204" pitchFamily="34" charset="0"/>
              </a:rPr>
              <a:t>6 weeks</a:t>
            </a:r>
          </a:p>
        </p:txBody>
      </p:sp>
      <p:sp>
        <p:nvSpPr>
          <p:cNvPr id="1190" name="OTLSHAPE_SLT_a5c61adb4e234cd6a6999ae92167f5da_TextPercentage">
            <a:extLst>
              <a:ext uri="{FF2B5EF4-FFF2-40B4-BE49-F238E27FC236}">
                <a16:creationId xmlns:a16="http://schemas.microsoft.com/office/drawing/2014/main" id="{29F4A328-CB0F-4A4E-BFDA-A2F9C1C2FE1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8654197" y="283855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>
                <a:solidFill>
                  <a:schemeClr val="lt2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1193" name="OTLSHAPE_SLT_966516fbb7fe42e78d38d95e46a17583_Duration" hidden="1">
            <a:extLst>
              <a:ext uri="{FF2B5EF4-FFF2-40B4-BE49-F238E27FC236}">
                <a16:creationId xmlns:a16="http://schemas.microsoft.com/office/drawing/2014/main" id="{CB4BD6B5-C000-446A-B715-4C826C30FC26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C0504D"/>
                </a:solidFill>
              </a:rPr>
              <a:t>17.4 days</a:t>
            </a:r>
          </a:p>
        </p:txBody>
      </p:sp>
      <p:sp>
        <p:nvSpPr>
          <p:cNvPr id="1194" name="OTLSHAPE_SLT_966516fbb7fe42e78d38d95e46a17583_TextPercentage" hidden="1">
            <a:extLst>
              <a:ext uri="{FF2B5EF4-FFF2-40B4-BE49-F238E27FC236}">
                <a16:creationId xmlns:a16="http://schemas.microsoft.com/office/drawing/2014/main" id="{034586F6-0D1A-4532-884B-D665F517BE8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EEECE1"/>
              </a:solidFill>
            </a:endParaRPr>
          </a:p>
        </p:txBody>
      </p:sp>
      <p:sp>
        <p:nvSpPr>
          <p:cNvPr id="1201" name="OTLSHAPE_SLT_966516fbb7fe42e78d38d95e46a17583_StartDate" hidden="1">
            <a:extLst>
              <a:ext uri="{FF2B5EF4-FFF2-40B4-BE49-F238E27FC236}">
                <a16:creationId xmlns:a16="http://schemas.microsoft.com/office/drawing/2014/main" id="{80638E09-C289-46BE-8A73-30D38339BDE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chemeClr val="dk2"/>
              </a:solidFill>
            </a:endParaRPr>
          </a:p>
        </p:txBody>
      </p:sp>
      <p:sp>
        <p:nvSpPr>
          <p:cNvPr id="1202" name="OTLSHAPE_SLT_966516fbb7fe42e78d38d95e46a17583_EndDate" hidden="1">
            <a:extLst>
              <a:ext uri="{FF2B5EF4-FFF2-40B4-BE49-F238E27FC236}">
                <a16:creationId xmlns:a16="http://schemas.microsoft.com/office/drawing/2014/main" id="{F2B5FA8C-CFBC-454B-ABDD-AEFA644E79D5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chemeClr val="dk2"/>
              </a:solidFill>
            </a:endParaRPr>
          </a:p>
        </p:txBody>
      </p:sp>
      <p:sp>
        <p:nvSpPr>
          <p:cNvPr id="1203" name="OTLSHAPE_SLT_966516fbb7fe42e78d38d95e46a17583_Title">
            <a:extLst>
              <a:ext uri="{FF2B5EF4-FFF2-40B4-BE49-F238E27FC236}">
                <a16:creationId xmlns:a16="http://schemas.microsoft.com/office/drawing/2014/main" id="{709879A6-ED99-445C-AE40-E93E8CAD4E38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7317913" y="4228365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eployment</a:t>
            </a:r>
          </a:p>
        </p:txBody>
      </p:sp>
      <p:sp>
        <p:nvSpPr>
          <p:cNvPr id="1226" name="OTLSHAPE_SLT_a5c61adb4e234cd6a6999ae92167f5da_JoinedDate" hidden="1">
            <a:extLst>
              <a:ext uri="{FF2B5EF4-FFF2-40B4-BE49-F238E27FC236}">
                <a16:creationId xmlns:a16="http://schemas.microsoft.com/office/drawing/2014/main" id="{C2BBE237-2D5C-444C-B228-F449E6DEFB4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695186"/>
            <a:ext cx="850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dk2"/>
                </a:solidFill>
              </a:rPr>
              <a:t>Mar 22 - May 31</a:t>
            </a:r>
          </a:p>
        </p:txBody>
      </p:sp>
      <p:sp>
        <p:nvSpPr>
          <p:cNvPr id="1227" name="OTLSHAPE_SLT_966516fbb7fe42e78d38d95e46a17583_JoinedDate" hidden="1">
            <a:extLst>
              <a:ext uri="{FF2B5EF4-FFF2-40B4-BE49-F238E27FC236}">
                <a16:creationId xmlns:a16="http://schemas.microsoft.com/office/drawing/2014/main" id="{0625BE8F-C39B-4BA4-A9AD-F6C3A2D4626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695186"/>
            <a:ext cx="863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dk2"/>
                </a:solidFill>
              </a:rPr>
              <a:t>May 14 - May 31</a:t>
            </a:r>
          </a:p>
        </p:txBody>
      </p:sp>
      <p:cxnSp>
        <p:nvCxnSpPr>
          <p:cNvPr id="835" name="OTLSHAPE_TB_00000000000000000000000000000000_Separator1">
            <a:extLst>
              <a:ext uri="{FF2B5EF4-FFF2-40B4-BE49-F238E27FC236}">
                <a16:creationId xmlns:a16="http://schemas.microsoft.com/office/drawing/2014/main" id="{11DE6977-3DFC-4237-8ED6-90FC5E8BA9A0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3444420" y="1147636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6" name="OTLSHAPE_TB_00000000000000000000000000000000_Separator2">
            <a:extLst>
              <a:ext uri="{FF2B5EF4-FFF2-40B4-BE49-F238E27FC236}">
                <a16:creationId xmlns:a16="http://schemas.microsoft.com/office/drawing/2014/main" id="{BB632716-EF2D-483A-976E-F89E39545AC1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4511577" y="1147636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9" name="OTLSHAPE_TB_00000000000000000000000000000000_Separator3">
            <a:extLst>
              <a:ext uri="{FF2B5EF4-FFF2-40B4-BE49-F238E27FC236}">
                <a16:creationId xmlns:a16="http://schemas.microsoft.com/office/drawing/2014/main" id="{6F44E8A3-6B2F-4036-9DA6-0BC56B021D7E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5578735" y="1147636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0" name="OTLSHAPE_TB_00000000000000000000000000000000_Separator4">
            <a:extLst>
              <a:ext uri="{FF2B5EF4-FFF2-40B4-BE49-F238E27FC236}">
                <a16:creationId xmlns:a16="http://schemas.microsoft.com/office/drawing/2014/main" id="{FDF0C0A1-863D-4D22-8EA8-B7F5A0535B31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6645893" y="1147636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1" name="OTLSHAPE_TB_00000000000000000000000000000000_Separator5">
            <a:extLst>
              <a:ext uri="{FF2B5EF4-FFF2-40B4-BE49-F238E27FC236}">
                <a16:creationId xmlns:a16="http://schemas.microsoft.com/office/drawing/2014/main" id="{30F8EB6B-BA51-40C5-92BF-9479E5728DB2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7713050" y="1147636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8" name="OTLSHAPE_TB_00000000000000000000000000000000_Separator6">
            <a:extLst>
              <a:ext uri="{FF2B5EF4-FFF2-40B4-BE49-F238E27FC236}">
                <a16:creationId xmlns:a16="http://schemas.microsoft.com/office/drawing/2014/main" id="{10663556-149C-42D2-8653-470F4B6A07D0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8780207" y="1147636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9" name="OTLSHAPE_TB_00000000000000000000000000000000_Separator7">
            <a:extLst>
              <a:ext uri="{FF2B5EF4-FFF2-40B4-BE49-F238E27FC236}">
                <a16:creationId xmlns:a16="http://schemas.microsoft.com/office/drawing/2014/main" id="{E7469AE0-8C4D-4C22-9873-4E372F1054B4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>
            <a:off x="9830377" y="1503236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6" name="OTLSHAPE_TB_00000000000000000000000000000000_Separator8">
            <a:extLst>
              <a:ext uri="{FF2B5EF4-FFF2-40B4-BE49-F238E27FC236}">
                <a16:creationId xmlns:a16="http://schemas.microsoft.com/office/drawing/2014/main" id="{2A84D2C5-F38E-4CEA-AC5F-3A99DC004413}"/>
              </a:ext>
            </a:extLst>
          </p:cNvPr>
          <p:cNvCxnSpPr/>
          <p:nvPr>
            <p:custDataLst>
              <p:tags r:id="rId72"/>
            </p:custDataLst>
          </p:nvPr>
        </p:nvCxnSpPr>
        <p:spPr>
          <a:xfrm>
            <a:off x="10914523" y="1147636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9" name="OTLSHAPE_M_5cb93c42c4ca4be89de13d38ebfbf34b_Shape">
            <a:extLst>
              <a:ext uri="{FF2B5EF4-FFF2-40B4-BE49-F238E27FC236}">
                <a16:creationId xmlns:a16="http://schemas.microsoft.com/office/drawing/2014/main" id="{32AAB29C-3E8B-4F47-9D40-A247761E4754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2491587" y="868236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22" name="OTLSHAPE_M_ce26170957a94899b810e6f3c6ef8ef5_Shape">
            <a:extLst>
              <a:ext uri="{FF2B5EF4-FFF2-40B4-BE49-F238E27FC236}">
                <a16:creationId xmlns:a16="http://schemas.microsoft.com/office/drawing/2014/main" id="{F6D9495A-C8E7-45AD-9C5E-34B8EBEBFE12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10572825" y="879111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17" name="OTLSHAPE_M_5cb93c42c4ca4be89de13d38ebfbf34b_Title">
            <a:extLst>
              <a:ext uri="{FF2B5EF4-FFF2-40B4-BE49-F238E27FC236}">
                <a16:creationId xmlns:a16="http://schemas.microsoft.com/office/drawing/2014/main" id="{AF8C81A9-85F3-4670-8088-38FC2A412D5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116323" y="504593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tart</a:t>
            </a:r>
          </a:p>
        </p:txBody>
      </p:sp>
      <p:sp>
        <p:nvSpPr>
          <p:cNvPr id="1218" name="OTLSHAPE_M_5cb93c42c4ca4be89de13d38ebfbf34b_Date">
            <a:extLst>
              <a:ext uri="{FF2B5EF4-FFF2-40B4-BE49-F238E27FC236}">
                <a16:creationId xmlns:a16="http://schemas.microsoft.com/office/drawing/2014/main" id="{05ABB278-CC22-4D00-81D9-86B9B175B1E7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2300812" y="698799"/>
            <a:ext cx="114360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14 dicembre 2020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0" name="OTLSHAPE_M_ce26170957a94899b810e6f3c6ef8ef5_Title">
            <a:extLst>
              <a:ext uri="{FF2B5EF4-FFF2-40B4-BE49-F238E27FC236}">
                <a16:creationId xmlns:a16="http://schemas.microsoft.com/office/drawing/2014/main" id="{9023E8BD-2C55-49D0-AB7C-7475463024A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0041442" y="495021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Fine</a:t>
            </a:r>
          </a:p>
        </p:txBody>
      </p:sp>
      <p:sp>
        <p:nvSpPr>
          <p:cNvPr id="1221" name="OTLSHAPE_M_ce26170957a94899b810e6f3c6ef8ef5_Date">
            <a:extLst>
              <a:ext uri="{FF2B5EF4-FFF2-40B4-BE49-F238E27FC236}">
                <a16:creationId xmlns:a16="http://schemas.microsoft.com/office/drawing/2014/main" id="{BBBD5E57-1B92-497F-8FC8-0A7989EF3CB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0335976" y="678239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31 gen 2021</a:t>
            </a:r>
          </a:p>
        </p:txBody>
      </p:sp>
      <p:sp>
        <p:nvSpPr>
          <p:cNvPr id="117" name="OTLSHAPE_TB_00000000000000000000000000000000_RightEndCaps">
            <a:extLst>
              <a:ext uri="{FF2B5EF4-FFF2-40B4-BE49-F238E27FC236}">
                <a16:creationId xmlns:a16="http://schemas.microsoft.com/office/drawing/2014/main" id="{8CAA6E02-CBCD-4E05-ACDF-CB15A9259766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677342" y="1083785"/>
            <a:ext cx="497829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2000" b="1" spc="-42" dirty="0">
                <a:solidFill>
                  <a:schemeClr val="accent2"/>
                </a:solidFill>
                <a:latin typeface="Calibri" panose="020F0502020204030204" pitchFamily="34" charset="0"/>
              </a:rPr>
              <a:t>202</a:t>
            </a:r>
            <a:r>
              <a:rPr lang="it-IT" sz="2000" b="1" spc="-42" dirty="0">
                <a:solidFill>
                  <a:schemeClr val="accent2"/>
                </a:solidFill>
                <a:latin typeface="Calibri" panose="020F0502020204030204" pitchFamily="34" charset="0"/>
              </a:rPr>
              <a:t>0</a:t>
            </a:r>
            <a:endParaRPr lang="ro-RO" sz="2000" b="1" spc="-42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bf5ec3bb92844330b37b9e6940186a3e_Shape">
            <a:extLst>
              <a:ext uri="{FF2B5EF4-FFF2-40B4-BE49-F238E27FC236}">
                <a16:creationId xmlns:a16="http://schemas.microsoft.com/office/drawing/2014/main" id="{0CA18240-044F-44C8-AFD0-3E0485AE7863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4966182" y="3174361"/>
            <a:ext cx="1048843" cy="227250"/>
          </a:xfrm>
          <a:prstGeom prst="round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9" name="OTLSHAPE_SLT_bf5ec3bb92844330b37b9e6940186a3e_Title">
            <a:extLst>
              <a:ext uri="{FF2B5EF4-FFF2-40B4-BE49-F238E27FC236}">
                <a16:creationId xmlns:a16="http://schemas.microsoft.com/office/drawing/2014/main" id="{7EAB75F9-620D-4EBA-82F9-B3F8550D9D2B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278523" y="3190702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20" name="OTLSHAPE_SLT_bf5ec3bb92844330b37b9e6940186a3e_JoinedDate">
            <a:extLst>
              <a:ext uri="{FF2B5EF4-FFF2-40B4-BE49-F238E27FC236}">
                <a16:creationId xmlns:a16="http://schemas.microsoft.com/office/drawing/2014/main" id="{A1CA4405-1426-4407-A865-CC9FAC9C8E5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134535" y="318684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31 dic – 10 gen</a:t>
            </a:r>
          </a:p>
        </p:txBody>
      </p:sp>
      <p:sp>
        <p:nvSpPr>
          <p:cNvPr id="125" name="OTLSHAPE_SL_b494066f3b51443792ad7e945bb2e0bb_BackgroundRectangle">
            <a:extLst>
              <a:ext uri="{FF2B5EF4-FFF2-40B4-BE49-F238E27FC236}">
                <a16:creationId xmlns:a16="http://schemas.microsoft.com/office/drawing/2014/main" id="{A666E281-A713-4956-9EE3-145AD156F6E8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886322" y="4907930"/>
            <a:ext cx="10084101" cy="1191242"/>
          </a:xfrm>
          <a:prstGeom prst="rect">
            <a:avLst/>
          </a:prstGeom>
          <a:solidFill>
            <a:schemeClr val="accent2">
              <a:lumMod val="75000"/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6" name="OTLSHAPE_SL_b494066f3b51443792ad7e945bb2e0bb_HeaderRectangle">
            <a:extLst>
              <a:ext uri="{FF2B5EF4-FFF2-40B4-BE49-F238E27FC236}">
                <a16:creationId xmlns:a16="http://schemas.microsoft.com/office/drawing/2014/main" id="{E3B08F20-D359-4646-AF1B-2806CCF94E60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886322" y="4898089"/>
            <a:ext cx="1422398" cy="1191242"/>
          </a:xfrm>
          <a:prstGeom prst="rect">
            <a:avLst/>
          </a:prstGeom>
          <a:solidFill>
            <a:srgbClr val="FF0000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7" name="CasellaDiTesto 76">
            <a:extLst>
              <a:ext uri="{FF2B5EF4-FFF2-40B4-BE49-F238E27FC236}">
                <a16:creationId xmlns:a16="http://schemas.microsoft.com/office/drawing/2014/main" id="{F7C6FE39-9281-4699-A73F-F4EE98E06D77}"/>
              </a:ext>
            </a:extLst>
          </p:cNvPr>
          <p:cNvSpPr txBox="1"/>
          <p:nvPr/>
        </p:nvSpPr>
        <p:spPr>
          <a:xfrm>
            <a:off x="958542" y="5365051"/>
            <a:ext cx="1422397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200" b="1" dirty="0"/>
              <a:t>Test e validazione</a:t>
            </a:r>
            <a:endParaRPr lang="it-IT" dirty="0"/>
          </a:p>
        </p:txBody>
      </p:sp>
      <p:sp>
        <p:nvSpPr>
          <p:cNvPr id="162" name="OTLSHAPE_SLT_bf5ec3bb92844330b37b9e6940186a3e_Shape">
            <a:extLst>
              <a:ext uri="{FF2B5EF4-FFF2-40B4-BE49-F238E27FC236}">
                <a16:creationId xmlns:a16="http://schemas.microsoft.com/office/drawing/2014/main" id="{0B7FDC40-85DC-49B5-957D-752699F8786D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8098958" y="5079927"/>
            <a:ext cx="555239" cy="194256"/>
          </a:xfrm>
          <a:prstGeom prst="roundRect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3" name="OTLSHAPE_SLT_bf5ec3bb92844330b37b9e6940186a3e_Title">
            <a:extLst>
              <a:ext uri="{FF2B5EF4-FFF2-40B4-BE49-F238E27FC236}">
                <a16:creationId xmlns:a16="http://schemas.microsoft.com/office/drawing/2014/main" id="{98DD5F45-FD73-41B1-B1F4-21A73D9EFA1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298842" y="5096890"/>
            <a:ext cx="169665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Test del </a:t>
            </a:r>
            <a:r>
              <a:rPr lang="en-US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servizio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bf5ec3bb92844330b37b9e6940186a3e_JoinedDate">
            <a:extLst>
              <a:ext uri="{FF2B5EF4-FFF2-40B4-BE49-F238E27FC236}">
                <a16:creationId xmlns:a16="http://schemas.microsoft.com/office/drawing/2014/main" id="{5173AB04-8117-420D-AA0F-A62AA021780A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710989" y="511915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21 gen – 24 gen</a:t>
            </a:r>
          </a:p>
        </p:txBody>
      </p:sp>
      <p:sp>
        <p:nvSpPr>
          <p:cNvPr id="167" name="OTLSHAPE_SLT_bf5ec3bb92844330b37b9e6940186a3e_Shape">
            <a:extLst>
              <a:ext uri="{FF2B5EF4-FFF2-40B4-BE49-F238E27FC236}">
                <a16:creationId xmlns:a16="http://schemas.microsoft.com/office/drawing/2014/main" id="{7B609A9E-E083-45FD-B108-BE6FACC168B6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6017109" y="3666119"/>
            <a:ext cx="711869" cy="227251"/>
          </a:xfrm>
          <a:prstGeom prst="round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8" name="OTLSHAPE_SLT_bf5ec3bb92844330b37b9e6940186a3e_Title">
            <a:extLst>
              <a:ext uri="{FF2B5EF4-FFF2-40B4-BE49-F238E27FC236}">
                <a16:creationId xmlns:a16="http://schemas.microsoft.com/office/drawing/2014/main" id="{B623F173-1A35-4DCE-80E2-F636EEE02A77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4216993" y="3683083"/>
            <a:ext cx="169665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Test </a:t>
            </a:r>
            <a:r>
              <a:rPr lang="en-US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della</a:t>
            </a:r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 prima </a:t>
            </a:r>
            <a:r>
              <a:rPr lang="en-US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soluzione</a:t>
            </a:r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</a:p>
        </p:txBody>
      </p:sp>
      <p:sp>
        <p:nvSpPr>
          <p:cNvPr id="169" name="OTLSHAPE_SLT_bf5ec3bb92844330b37b9e6940186a3e_JoinedDate">
            <a:extLst>
              <a:ext uri="{FF2B5EF4-FFF2-40B4-BE49-F238E27FC236}">
                <a16:creationId xmlns:a16="http://schemas.microsoft.com/office/drawing/2014/main" id="{4E4651EA-4E5B-4800-88FE-863F609A291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809489" y="3514080"/>
            <a:ext cx="86072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11 gen – 15 gen</a:t>
            </a:r>
          </a:p>
        </p:txBody>
      </p:sp>
      <p:sp>
        <p:nvSpPr>
          <p:cNvPr id="170" name="OTLSHAPE_SLT_bf5ec3bb92844330b37b9e6940186a3e_Shape">
            <a:extLst>
              <a:ext uri="{FF2B5EF4-FFF2-40B4-BE49-F238E27FC236}">
                <a16:creationId xmlns:a16="http://schemas.microsoft.com/office/drawing/2014/main" id="{DC953675-5B98-49C6-9D1F-F31BB97B30EF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6701852" y="4226028"/>
            <a:ext cx="565887" cy="226371"/>
          </a:xfrm>
          <a:prstGeom prst="round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1" name="OTLSHAPE_SLT_bf5ec3bb92844330b37b9e6940186a3e_Title">
            <a:extLst>
              <a:ext uri="{FF2B5EF4-FFF2-40B4-BE49-F238E27FC236}">
                <a16:creationId xmlns:a16="http://schemas.microsoft.com/office/drawing/2014/main" id="{F3401A5D-8DBA-418D-B956-EE58ECCBDED9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840295" y="4216291"/>
            <a:ext cx="169665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Correggere</a:t>
            </a:r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possibili</a:t>
            </a:r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errori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bf5ec3bb92844330b37b9e6940186a3e_JoinedDate">
            <a:extLst>
              <a:ext uri="{FF2B5EF4-FFF2-40B4-BE49-F238E27FC236}">
                <a16:creationId xmlns:a16="http://schemas.microsoft.com/office/drawing/2014/main" id="{A2FB3D14-0970-4657-8668-83ECABB3895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180995" y="4244001"/>
            <a:ext cx="812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16 gen- 20 gen</a:t>
            </a:r>
          </a:p>
        </p:txBody>
      </p:sp>
      <p:sp>
        <p:nvSpPr>
          <p:cNvPr id="181" name="OTLSHAPE_SLT_bf5ec3bb92844330b37b9e6940186a3e_Shape">
            <a:extLst>
              <a:ext uri="{FF2B5EF4-FFF2-40B4-BE49-F238E27FC236}">
                <a16:creationId xmlns:a16="http://schemas.microsoft.com/office/drawing/2014/main" id="{121D9575-F4F3-4F4C-8291-DD3779CB39C2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8649988" y="5659013"/>
            <a:ext cx="934802" cy="213811"/>
          </a:xfrm>
          <a:prstGeom prst="roundRect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2" name="OTLSHAPE_SLT_bf5ec3bb92844330b37b9e6940186a3e_Title">
            <a:extLst>
              <a:ext uri="{FF2B5EF4-FFF2-40B4-BE49-F238E27FC236}">
                <a16:creationId xmlns:a16="http://schemas.microsoft.com/office/drawing/2014/main" id="{A713498E-6234-41D7-9931-4C702E51DCC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6863554" y="5642050"/>
            <a:ext cx="169665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Validazione</a:t>
            </a:r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 con </a:t>
            </a:r>
            <a:r>
              <a:rPr lang="en-US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utenti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3" name="OTLSHAPE_SLT_bf5ec3bb92844330b37b9e6940186a3e_JoinedDate">
            <a:extLst>
              <a:ext uri="{FF2B5EF4-FFF2-40B4-BE49-F238E27FC236}">
                <a16:creationId xmlns:a16="http://schemas.microsoft.com/office/drawing/2014/main" id="{F6F65B4E-02E4-44E0-8556-D4222A44A7EA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9692765" y="5701973"/>
            <a:ext cx="93480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25 gen  - 31 g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8578527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MuMiIsIk9yaWdpbmFsQXNzZW1ibHlWZXJzaW9uIjoiMy4wMC4wNC4wMCIsIkVkaXRpb24iOiJGcmVlIiwiSXNQbHVzRWRpdGlvbiI6ZmFsc2UsIklzUHJvRWRpdGlvbiI6ZmFsc2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OTQsIkciOjk0LCJCIjo5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yM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NDQ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wLCJRdWlja1Bvc2l0aW9uIjozLCJBYnNvbHV0ZVBvc2l0aW9uIjo4My4zNjUwMzY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wLCJHIjowLCJCIjow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TEyLCJHIjoxNzMsIkIiOjcx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dHJ1ZSwiVGltZVBhcnRJc1Zpc2libGUiOmZhbHNlfX0sIldlZWtOdW1iZXJpbmciOnsiJGlkIjoiODMiLCJGb3JtYXQiOjAsIklzVmlzaWJsZSI6ZmFsc2UsIkxhc3RLbm93blZpc2liaWxpdHlTdGF0ZSI6ZmFsc2V9LCJJc1Zpc2libGUiOnRydWUsIlBhcmVudFN0eWxlIjpudWxsfSwiRGVmYXVsdFRhc2tTdHlsZSI6eyIkaWQiOiI4NCIsIlNoYXBlIjowLCJTaGFwZVRoaWNrbmVzcyI6MSwiRHVyYXRpb25Gb3JtYXQiOjAsIkluY2x1ZGVOb25Xb3JraW5nRGF5c0luRHVyYXRpb24iOnRydW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S4wLCJMaW5lVHlwZSI6MCwiUGFyZW50U3R5bGUiOm51bGx9LCJWZXJ0aWNhbENvbm5lY3RvclN0eWxlIjp7IiRpZCI6IjEwMiIsIkxpbmVDb2xvciI6eyIkaWQiOiIxMDMiLCIkdHlwZSI6Ik5MUkUuQ29tbW9uLkRvbS5Tb2xpZENvbG9yQnJ1c2gsIE5MUkUuQ29tbW9uIiwiQ29sb3IiOnsiJGlkIjoiMTA0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TEyLCJHIjoxNzMsIkIiOjcx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EsIkZvbnROYW1lIjoiQ2FsaWJyaSIsIklzQm9sZCI6dHJ1ZSwiSXNJdGFsaWMiOmZhbHNlLCJJc1VuZGVybGluZWQiOmZhbHNlLCJQYXJlbnRTdHlsZSI6bnVsbH0sIkF1dG9TaXplIjowLCJGb3JlZ3JvdW5kIjp7IiRpZCI6IjExNSIsIkNvbG9yIjp7IiRpZCI6IjExN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giLCJEYXRlUGFydElzVmlzaWJsZSI6dHJ1ZSwiVGltZVBhcnRJc1Zpc2libGUiOnRydW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dHJ1ZSwiU3BhY2luZyI6ZmFsc2UsIklzQmVsb3dUaW1lYmFuZCI6ZmFsc2UsIkRhdGVGb3JtYXQiOmZhbHNlLCJJc1Zpc2libGUiOmZhbHNlLCJXZWVrTnVtYmVyaW5nIjpmYWxzZX19LCJHcmlkbGluZVBhbmVsU3R5bGUiOnsiJGlkIjoiMTMxIiwiR3JpZGxpbmVTdHlsZSI6eyIkaWQiOiIxMzIiLCJMaW5lQ29sb3IiOnsiJGlkIjoiMTMzIiwiJHR5cGUiOiJOTFJFLkNvbW1vbi5Eb20uU29saWRDb2xvckJydXNoLCBOTFJFLkNvbW1vbiIsIkNvbG9yIjp7IiRpZCI6IjEzNCIsIkEiOjM4LCJSIjo5MSwiRyI6MTU1LCJCIjoyMTN9fSwiTGluZVdlaWdodCI6MS4yNS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MC4wLCJNYXhIZWlnaHQiOjAuMC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ZmFsc2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ZmFsc2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GlkIjoiMjU0IiwiVG9wIjowLCJMZWZ0IjowLCJSaWdodCI6MCwiQm90dG9tIjowfSwiUGFkZGluZyI6eyIkaWQiOiIyNTUiLCJUb3AiOjAsIkxlZnQiOjAsIlJpZ2h0IjowLCJCb3R0b20iOjB9LCJCYWNrZ3JvdW5kIjp7IiRyZWYiOiI5MSJ9LCJJc1Zpc2libGUiOnRydWUsIldpZHRoIjowLjAsIkhlaWdodCI6MC4wLCJCb3JkZXJTdHlsZSI6eyIkaWQiOiIyNTYiLCJMaW5lQ29sb3IiOm51bGwsIkxpbmVXZWlnaHQiOjAuMCwiTGluZVR5cGUiOjAsIlBhcmVudFN0eWxlIjpudWxsfSwiUGFyZW50U3R5bGUiOm51bGx9LCJEdXJhdGlvblN0eWxlIjp7IiRpZCI6IjI1NyIsIkZvbnRTZXR0aW5ncyI6eyIkaWQiOiIyNTg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I1NCJ9LCJQYWRkaW5nIjp7IiRyZWYiOiIyNTUifSwiQmFja2dyb3VuZCI6eyIkcmVmIjoiOTEifSwiSXNWaXNpYmxlIjp0cnVlLCJXaWR0aCI6MC4wLCJIZWlnaHQiOjAuMCwiQm9yZGVyU3R5bGUiOnsiJGlkIjoiMjkyIiwiTGluZUNvbG9yIjpudWxsLCJMaW5lV2VpZ2h0IjowLjAsIkxpbmVUeXBlIjowLCJQYXJlbnRTdHlsZSI6bnVsbH0sIlBhcmVudFN0eWxlIjpudWxsfSwiRHVyYXRpb25TdHlsZSI6eyIkaWQiOiIyOTMiLCJGb250U2V0dGluZ3MiOnsiJGlkIjoiMjk0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I1NCJ9LCJQYWRkaW5nIjp7IiRyZWYiOiIyNTUifSwiQmFja2dyb3VuZCI6eyIkcmVmIjoiOTEifSwiSXNWaXNpYmxlIjp0cnVlLCJXaWR0aCI6MC4wLCJIZWlnaHQiOjAuMCwiQm9yZGVyU3R5bGUiOnsiJGlkIjoiMzIwIiwiTGluZUNvbG9yIjpudWxsLCJMaW5lV2VpZ2h0IjowLjAsIkxpbmVUeXBlIjowLCJQYXJlbnRTdHlsZSI6bnVsbH0sIlBhcmVudFN0eWxlIjpudWxsfSwiRHVyYXRpb25TdHlsZSI6eyIkaWQiOiIzMjEiLCJGb250U2V0dGluZ3MiOnsiJGlkIjoiMzIy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SwiVmVydGljYWxBbGlnbm1lbnQiOjAsIlNtYXJ0Rm9yZWdyb3VuZCI6bnVsbCwiQmFja2dyb3VuZEZpbGxUeXBlIjowLCJNYXJnaW4iOnsiJHJlZiI6IjI1NCJ9LCJQYWRkaW5nIjp7IiRyZWYiOiIyNTUifSwiQmFja2dyb3VuZCI6eyIkcmVmIjoiOTEifSwiSXNWaXNpYmxlIjp0cnVlLCJXaWR0aCI6MC4wLCJIZWlnaHQiOjAuMCwiQm9yZGVyU3R5bGUiOnsiJGlkIjoiMzk5IiwiTGluZUNvbG9yIjpudWxsLCJMaW5lV2VpZ2h0IjowLjAsIkxpbmVUeXBlIjowLCJQYXJlbnRTdHlsZSI6bnVsbH0sIlBhcmVudFN0eWxlIjpudWxsfSwiRHVyYXRpb25TdHlsZSI6eyIkaWQiOiI0MDAiLCJGb250U2V0dGluZ3MiOnsiJGlkIjoiNDAx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ODQifSwiUGFkZGluZyI6eyIkcmVmIjoiMTg1In0sIkJhY2tncm91bmQiOnsiJHJlZiI6IjczIn0sIklzVmlzaWJsZSI6dHJ1ZSwiV2lkdGgiOjAuMCwiSGVpZ2h0IjowLjAsIkJvcmRlclN0eWxlIjpudWxsLCJQYXJlbnRTdHlsZSI6bnVsbH0sIkRhdGVTdHlsZSI6eyIkaWQiOiI0NTEiLCJGb250U2V0dGluZ3MiOnsiJGlkIjoiNDUyIiwiRm9udFNpemUiOjEwLCJGb250TmFtZSI6IkNhbGlicmkiLCJJc0JvbGQiOmZhbHNlLCJJc0l0YWxpYyI6ZmFsc2UsIklzVW5kZXJsaW5lZCI6ZmFsc2UsIlBhcmVudFN0eWxlIjpudWxsfSwiQXV0b1NpemUiOjAsIkZvcmVncm91bmQiOnsiJGlkIjoiNDUzIiwiQ29sb3IiOnsiJGlkIjoiNDU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ODQifSwiUGFkZGluZyI6eyIkcmVmIjoiMTg1In0sIkJhY2tncm91bmQiOnsiJHJlZiI6IjczIn0sIklzVmlzaWJsZSI6dHJ1ZSwiV2lkdGgiOjAuMCwiSGVpZ2h0IjowLjAsIkJvcmRlclN0eWxlIjpudWxsLCJQYXJlbnRTdHlsZSI6bnVsbH0sIkRhdGVTdHlsZSI6eyIkaWQiOiI0NjciLCJGb250U2V0dGluZ3MiOnsiJGlkIjoiNDY4IiwiRm9udFNpemUiOjEwLCJGb250TmFtZSI6IkNhbGlicmkiLCJJc0JvbGQiOmZhbHNlLCJJc0l0YWxpYyI6ZmFsc2UsIklzVW5kZXJsaW5lZCI6ZmFsc2UsIlBhcmVudFN0eWxlIjpudWxsfSwiQXV0b1NpemUiOjAsIkZvcmVncm91bmQiOnsiJGlkIjoiNDY5IiwiQ29sb3IiOnsiJGlkIjoiNDc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gzIiwiRm9udFNldHRpbmdzIjp7IiRpZCI6IjQ4NCIsIkZvbnRTaXplIjoxMCwiRm9udE5hbWUiOiJDYWxpYnJpIiwiSXNCb2xkIjpmYWxzZSwiSXNJdGFsaWMiOmZhbHNlLCJJc1VuZGVybGluZWQiOmZhbHNlLCJQYXJlbnRTdHlsZSI6bnVsbH0sIkF1dG9TaXplIjowLCJGb3JlZ3JvdW5kIjp7IiRpZCI6IjQ4NSIsIkNvbG9yIjp7IiRpZCI6IjQ4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kRhdGVGb3JtYXQiOnsiJHJlZiI6IjgxIn0sIldlZWtOdW1iZXJpbmciOnsiJGlkIjoiNDg3IiwiRm9ybWF0IjowLCJJc1Zpc2libGUiOmZhbHNlLCJMYXN0S25vd25WaXNpYmlsaXR5U3RhdGUiOmZhbHNlfSwiSXNWaXNpYmxlIjpmYWxzZSwiUGFyZW50U3R5bGUiOm51bGx9LCJIeXBlcmxpbmsiOnsiJGlkIjoiNDg4IiwiQWRkcmVzcyI6IiIsIlN1YkFkZHJlc3MiOiIifSwiSW1wb3J0SWQiOiIifV19XSwiTXNQcm9qZWN0SXRlbXNUcmVlIjpudWxsLCJNZXRhZGF0YSI6eyIkaWQiOiI0ODk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kwIiwiSW1wYU9wdGlvbnMiOnsiJGlkIjoiNDkx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0cnVlfSwiSXNOZXciOmZhbHNlLCJJbXBvcnRUeXBlIjowLCJGaWxlUGF0aCI6bnVsbCwiVGltZUNvbmZpZ3VyYXRpb24iOnsiJGlkIjoiNDkyIiwiVXNlVGltZSI6ZmFsc2UsIldvcmtEYXlTdGFydCI6IjAwOjAwOjAwIiwiV29ya0RheUVuZCI6IjIzOjU5OjAwIn0sIkxhc3RVc2VkVGVtcGxhdGVJZCI6ImNjMjZmODYzLTI3Y2UtNDgwZS1hNTg5LWIzZjEyZjJkNmViMC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ENDDATE" val="2020-02-28T13:52:00.0000000Z"/>
  <p:tag name="OTLDURATIONFORMAT" val="day"/>
  <p:tag name="OTLSPACING" val="5"/>
  <p:tag name="OTLWEEKNUMBERINGFORMAT" val="WNFormat1"/>
  <p:tag name="OTLWEEKNUMBERINGISVISIBLE" val="False"/>
  <p:tag name="OTLSTARTDATE" val="2020-02-09T00:00:00.0000000Z"/>
  <p:tag name="OTLSHAPETHICKNESSTYPE" val="Regular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ENDDATE" val="2020-03-06T23:59:00.0000000Z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0-02-27T00:00:00.0000000Z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2-27T00:00:00.0000000Z"/>
  <p:tag name="OTLENDDATE" val="2020-03-23T23:59:00.0000000Z"/>
  <p:tag name="OTLDURATIONFORMAT" val="day"/>
  <p:tag name="OTLSPACING" val="5"/>
  <p:tag name="OTLWEEKNUMBERINGFORMAT" val="WNFormat1"/>
  <p:tag name="OTLWEEKNUMBERINGISVISIBLE" val="False"/>
  <p:tag name="OTLSHAPETHICKNESSTYPE" val="Regular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5-14T14:35:00.0000000Z"/>
  <p:tag name="OTLENDDATE" val="2020-05-31T23:59:00.0000000Z"/>
  <p:tag name="OTLDURATIONFORMAT" val="day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w"/>
  <p:tag name="OTLTIMEBANDSCALETYPE" val="Weeks"/>
  <p:tag name="OTLTIMEBANDSHAPETYPE" val="RectangleTimeband"/>
  <p:tag name="OTLTIMEBANDTHREEDEFFECTS" val="Gel"/>
  <p:tag name="OTLTIMEBANDAUTODATERANGE" val="True"/>
  <p:tag name="OTLTIMEBANDSTARTDATE" val="2017-01-30T23:59:00.0000000"/>
  <p:tag name="OTLTIMEBANDENDDATE" val="2020-05-31T23:59:00.0000000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TIMEBANDQUICKPOSITION" val="Middle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0-02-04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Project Approval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0-05-3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Handoff to Production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2-27T00:00:00.0000000Z"/>
  <p:tag name="OTLENDDATE" val="2020-03-23T23:59:00.0000000Z"/>
  <p:tag name="OTLDURATIONFORMAT" val="day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2-27T00:00:00.0000000Z"/>
  <p:tag name="OTLENDDATE" val="2020-03-23T23:59:00.0000000Z"/>
  <p:tag name="OTLDURATIONFORMAT" val="day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2-27T00:00:00.0000000Z"/>
  <p:tag name="OTLENDDATE" val="2020-03-23T23:59:00.0000000Z"/>
  <p:tag name="OTLDURATIONFORMAT" val="day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2-27T00:00:00.0000000Z"/>
  <p:tag name="OTLENDDATE" val="2020-03-23T23:59:00.0000000Z"/>
  <p:tag name="OTLDURATIONFORMAT" val="day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2-27T00:00:00.0000000Z"/>
  <p:tag name="OTLENDDATE" val="2020-03-23T23:59:00.0000000Z"/>
  <p:tag name="OTLDURATIONFORMAT" val="day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019f6c-b0e0-4e4c-a8bf-0404b70041b7"/>
    <ds:schemaRef ds:uri="3a44955a-9611-4e11-b394-5c7f996d2a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A75EC8C0-5113-4EFD-AE80-6BEE7563151B}">
  <ds:schemaRefs>
    <ds:schemaRef ds:uri="http://purl.org/dc/elements/1.1/"/>
    <ds:schemaRef ds:uri="http://schemas.microsoft.com/office/2006/metadata/properties"/>
    <ds:schemaRef ds:uri="http://purl.org/dc/terms/"/>
    <ds:schemaRef ds:uri="3a44955a-9611-4e11-b394-5c7f996d2a5e"/>
    <ds:schemaRef ds:uri="http://schemas.microsoft.com/office/infopath/2007/PartnerControls"/>
    <ds:schemaRef ds:uri="http://schemas.microsoft.com/office/2006/documentManagement/types"/>
    <ds:schemaRef ds:uri="7a019f6c-b0e0-4e4c-a8bf-0404b70041b7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0</Words>
  <Application>Microsoft Office PowerPoint</Application>
  <PresentationFormat>Widescreen</PresentationFormat>
  <Paragraphs>43</Paragraphs>
  <Slides>1</Slides>
  <Notes>0</Notes>
  <HiddenSlides>0</HiddenSlides>
  <MMClips>0</MMClips>
  <ScaleCrop>false</ScaleCrop>
  <HeadingPairs>
    <vt:vector size="6" baseType="variant">
      <vt:variant>
        <vt:lpstr>Caratteri utilizzati</vt:lpstr>
      </vt:variant>
      <vt:variant>
        <vt:i4>3</vt:i4>
      </vt:variant>
      <vt:variant>
        <vt:lpstr>Tema</vt:lpstr>
      </vt:variant>
      <vt:variant>
        <vt:i4>1</vt:i4>
      </vt:variant>
      <vt:variant>
        <vt:lpstr>Titoli diapositive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resentazione standard di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0-12-11T10:08:22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F5D4579C79BA848862C07EA745A59DA</vt:lpwstr>
  </property>
</Properties>
</file>